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3"/>
  </p:sldMasterIdLst>
  <p:notesMasterIdLst>
    <p:notesMasterId r:id="rId5"/>
  </p:notesMasterIdLst>
  <p:sldIdLst>
    <p:sldId id="263" r:id="rId4"/>
  </p:sldIdLst>
  <p:sldSz cx="12192000" cy="6858000"/>
  <p:notesSz cx="6858000" cy="91440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24" d="100"/>
          <a:sy n="124" d="100"/>
        </p:scale>
        <p:origin x="365" y="10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Master" Target="slideMasters/slideMaster1.xml"/><Relationship Id="rId7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presProps" Target="presProps.xml"/><Relationship Id="rId5" Type="http://schemas.openxmlformats.org/officeDocument/2006/relationships/notesMaster" Target="notesMasters/notesMaster1.xml"/><Relationship Id="rId4" Type="http://schemas.openxmlformats.org/officeDocument/2006/relationships/slide" Target="slides/slide1.xml"/><Relationship Id="rId9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9FBFC51-5AE0-4704-85C5-12174A22E507}" type="datetimeFigureOut">
              <a:rPr lang="da-DK" smtClean="0"/>
              <a:t>24-06-2021</a:t>
            </a:fld>
            <a:endParaRPr lang="da-DK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9945556-D3F2-42DC-867D-9BD99603420E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92306060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2B0507B-53A2-554C-AE98-86FCF7152BA5}" type="slidenum">
              <a:rPr lang="en-GB" smtClean="0"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2526381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82724F0-16A4-465C-A660-92FE3EBB961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Undertitel 2">
            <a:extLst>
              <a:ext uri="{FF2B5EF4-FFF2-40B4-BE49-F238E27FC236}">
                <a16:creationId xmlns:a16="http://schemas.microsoft.com/office/drawing/2014/main" id="{161EE934-A8FF-4CB9-8D5E-AC3C1CA190C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/>
              <a:t>Klik for at redigere undertiteltypografien i masteren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6372BEF-38B3-4370-B985-C83A1049F48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52680C-E08E-45C3-9FB2-FEC9FBBA6FC1}" type="datetimeFigureOut">
              <a:rPr lang="da-DK" smtClean="0"/>
              <a:t>24-06-2021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874D10FB-238C-453D-BD6A-0FE14092A3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A83BDACD-3081-4344-A939-DE0645C7FE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D8AE41-4E94-4610-8896-DE56EE546CA6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35553383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og lodret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899A5B3-3CF9-4A28-835E-DE6A6C6553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lodret titel 2">
            <a:extLst>
              <a:ext uri="{FF2B5EF4-FFF2-40B4-BE49-F238E27FC236}">
                <a16:creationId xmlns:a16="http://schemas.microsoft.com/office/drawing/2014/main" id="{A9CF598F-8DE9-4E38-B20B-1287135D8F2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FEED4558-E4F4-45AF-80F8-E4C68B13065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52680C-E08E-45C3-9FB2-FEC9FBBA6FC1}" type="datetimeFigureOut">
              <a:rPr lang="da-DK" smtClean="0"/>
              <a:t>24-06-2021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DFF5D577-68B7-467C-8054-4A623E5010C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EAC371D5-CFC7-4130-BA8B-07318942B4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D8AE41-4E94-4610-8896-DE56EE546CA6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05455399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Lodret ti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Lodret titel 1">
            <a:extLst>
              <a:ext uri="{FF2B5EF4-FFF2-40B4-BE49-F238E27FC236}">
                <a16:creationId xmlns:a16="http://schemas.microsoft.com/office/drawing/2014/main" id="{697E1FB7-B11F-47F3-AEC6-D13C0AB223F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lodret titel 2">
            <a:extLst>
              <a:ext uri="{FF2B5EF4-FFF2-40B4-BE49-F238E27FC236}">
                <a16:creationId xmlns:a16="http://schemas.microsoft.com/office/drawing/2014/main" id="{BDF39655-6B01-46DA-8D6B-243F89E7672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C6A8513-009D-45AC-8A8B-F18D2F4908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52680C-E08E-45C3-9FB2-FEC9FBBA6FC1}" type="datetimeFigureOut">
              <a:rPr lang="da-DK" smtClean="0"/>
              <a:t>24-06-2021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73399BC3-9276-4F81-811A-906A79E47E7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29E9B504-E5FC-4ED0-BE84-A558DE921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D8AE41-4E94-4610-8896-DE56EE546CA6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61264707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nk med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93338194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6488FC0-B73B-4321-9100-A1923C0BF9B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005D8814-96EA-4D25-9A66-A170C878CB4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E1C38A1-F371-4D7E-BEA7-DF2AA356A7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52680C-E08E-45C3-9FB2-FEC9FBBA6FC1}" type="datetimeFigureOut">
              <a:rPr lang="da-DK" smtClean="0"/>
              <a:t>24-06-2021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40091F77-48E0-4642-ABEE-5AF6578ECD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AB02BC23-8B80-4FEB-A590-DEE492E334B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D8AE41-4E94-4610-8896-DE56EE546CA6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06187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fsnits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FC7DB32-E02C-41F0-AE82-286762F16D6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1DCB0D2B-C3D1-4D32-9CF4-021F9B502DF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1F7D0A4-069C-4242-BDED-7D2B7A28C5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52680C-E08E-45C3-9FB2-FEC9FBBA6FC1}" type="datetimeFigureOut">
              <a:rPr lang="da-DK" smtClean="0"/>
              <a:t>24-06-2021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1F0DE234-52EA-4060-8EC3-1F444FD862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E9028620-6BE5-4490-A0F1-DAB5E82CBD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D8AE41-4E94-4610-8896-DE56EE546CA6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54019870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dholdsobjek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B0E172E-6B90-4396-8E1D-54A8A239FC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16331A5-89F8-40FC-A982-7D7053A7CE88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561E2189-460F-4E6D-A37B-48BC63C67D1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DD3C91AC-D89A-452C-BF97-A84B3F895BC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52680C-E08E-45C3-9FB2-FEC9FBBA6FC1}" type="datetimeFigureOut">
              <a:rPr lang="da-DK" smtClean="0"/>
              <a:t>24-06-2021</a:t>
            </a:fld>
            <a:endParaRPr lang="da-DK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B395410A-B3A3-4FFB-B1FB-D04D0DA851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775B37F6-7545-4881-8102-7AEB16ED97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D8AE41-4E94-4610-8896-DE56EE546CA6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26238880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88C7D45-DFB3-4B8B-BEB5-65E26FFE53B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07954652-FD18-47B2-A68E-F6BC2E32147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F731A62C-CE9D-49DA-906B-9F6C907AB1E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018DC6C7-F34D-4FA9-A0D0-19C3EC32F6C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6" name="Pladsholder til indhold 5">
            <a:extLst>
              <a:ext uri="{FF2B5EF4-FFF2-40B4-BE49-F238E27FC236}">
                <a16:creationId xmlns:a16="http://schemas.microsoft.com/office/drawing/2014/main" id="{09011D86-9FF8-478F-93AE-D5088A65BBE1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7" name="Pladsholder til dato 6">
            <a:extLst>
              <a:ext uri="{FF2B5EF4-FFF2-40B4-BE49-F238E27FC236}">
                <a16:creationId xmlns:a16="http://schemas.microsoft.com/office/drawing/2014/main" id="{F8C6165E-D9A0-4165-BB67-1AC38FE515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52680C-E08E-45C3-9FB2-FEC9FBBA6FC1}" type="datetimeFigureOut">
              <a:rPr lang="da-DK" smtClean="0"/>
              <a:t>24-06-2021</a:t>
            </a:fld>
            <a:endParaRPr lang="da-DK"/>
          </a:p>
        </p:txBody>
      </p:sp>
      <p:sp>
        <p:nvSpPr>
          <p:cNvPr id="8" name="Pladsholder til sidefod 7">
            <a:extLst>
              <a:ext uri="{FF2B5EF4-FFF2-40B4-BE49-F238E27FC236}">
                <a16:creationId xmlns:a16="http://schemas.microsoft.com/office/drawing/2014/main" id="{C0F34DF3-7258-466D-99F1-03DFE0BB7E6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9" name="Pladsholder til slidenummer 8">
            <a:extLst>
              <a:ext uri="{FF2B5EF4-FFF2-40B4-BE49-F238E27FC236}">
                <a16:creationId xmlns:a16="http://schemas.microsoft.com/office/drawing/2014/main" id="{E47BFF3F-9167-4406-A2CD-240699292F1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D8AE41-4E94-4610-8896-DE56EE546CA6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05874287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2F6B032-22B4-4CD6-AA37-8D1398C6EC6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91E56544-A13A-4CA3-A6FA-C5AAEF51D84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52680C-E08E-45C3-9FB2-FEC9FBBA6FC1}" type="datetimeFigureOut">
              <a:rPr lang="da-DK" smtClean="0"/>
              <a:t>24-06-2021</a:t>
            </a:fld>
            <a:endParaRPr lang="da-DK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23677D5D-E9A4-4635-9B96-F70E6414F8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9D3F7675-25E6-4304-855B-2875F9D9E92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D8AE41-4E94-4610-8896-DE56EE546CA6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63226973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C1F1FFEC-DAB1-49EB-87CC-40AEAA7B5A0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52680C-E08E-45C3-9FB2-FEC9FBBA6FC1}" type="datetimeFigureOut">
              <a:rPr lang="da-DK" smtClean="0"/>
              <a:t>24-06-2021</a:t>
            </a:fld>
            <a:endParaRPr lang="da-DK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5677793C-64F2-4E0E-83B4-98DD0D4BBED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F84B0665-8BBE-4F80-A9F6-0CB2B87B352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D8AE41-4E94-4610-8896-DE56EE546CA6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81311418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dhold med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B791DB6-E975-464F-9F47-67D7AD1B095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0D4AE544-AC95-42C3-B384-2F34BA1A9EE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C1B79712-F2B1-4114-A6C2-E5C17F48EE3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40004A03-955E-47F4-965B-3BC596C03B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52680C-E08E-45C3-9FB2-FEC9FBBA6FC1}" type="datetimeFigureOut">
              <a:rPr lang="da-DK" smtClean="0"/>
              <a:t>24-06-2021</a:t>
            </a:fld>
            <a:endParaRPr lang="da-DK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410B4BCE-9579-4181-B031-95EEAFC436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4330F1D9-4272-4BA5-993F-0D0C5BB176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D8AE41-4E94-4610-8896-DE56EE546CA6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22951843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lede med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14A1DA4-6611-4675-AD91-11C87E58FCD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billede 2">
            <a:extLst>
              <a:ext uri="{FF2B5EF4-FFF2-40B4-BE49-F238E27FC236}">
                <a16:creationId xmlns:a16="http://schemas.microsoft.com/office/drawing/2014/main" id="{CDD5A21D-95F1-4CB0-8422-89BD513404B7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da-DK"/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29CBB3A1-EFF4-443A-B09B-2973A3DBA3A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52235007-F103-4090-875A-5B7E2F5CA4B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52680C-E08E-45C3-9FB2-FEC9FBBA6FC1}" type="datetimeFigureOut">
              <a:rPr lang="da-DK" smtClean="0"/>
              <a:t>24-06-2021</a:t>
            </a:fld>
            <a:endParaRPr lang="da-DK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ED895E8C-547B-4355-9781-4BA36CF3BA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4B14A85D-0132-4E89-997E-4C3D6746C4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D8AE41-4E94-4610-8896-DE56EE546CA6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9335016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itel 1">
            <a:extLst>
              <a:ext uri="{FF2B5EF4-FFF2-40B4-BE49-F238E27FC236}">
                <a16:creationId xmlns:a16="http://schemas.microsoft.com/office/drawing/2014/main" id="{2A0E08D8-2E43-4963-9A8C-4AA28F6D8C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00F6C2C4-0825-4439-888A-2D4628F2F83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52ABF9EE-5BE9-474D-BA3C-FB7A5B637F3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152680C-E08E-45C3-9FB2-FEC9FBBA6FC1}" type="datetimeFigureOut">
              <a:rPr lang="da-DK" smtClean="0"/>
              <a:t>24-06-2021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2226B440-37DB-41BC-82EB-DF6A261FE57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B6061B6E-5AF2-426A-B3C4-03442BF12F5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0D8AE41-4E94-4610-8896-DE56EE546CA6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7194154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1.xml"/><Relationship Id="rId6" Type="http://schemas.openxmlformats.org/officeDocument/2006/relationships/image" Target="../media/image1.png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8" name="Rectangle 137">
            <a:extLst>
              <a:ext uri="{FF2B5EF4-FFF2-40B4-BE49-F238E27FC236}">
                <a16:creationId xmlns:a16="http://schemas.microsoft.com/office/drawing/2014/main" id="{CA55F5D5-5202-44B1-8062-4CCE72B0FED1}"/>
              </a:ext>
            </a:extLst>
          </p:cNvPr>
          <p:cNvSpPr/>
          <p:nvPr/>
        </p:nvSpPr>
        <p:spPr>
          <a:xfrm>
            <a:off x="1587" y="0"/>
            <a:ext cx="12188826" cy="6852488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2015" dirty="0"/>
              <a:t>Plant Technology</a:t>
            </a:r>
          </a:p>
        </p:txBody>
      </p:sp>
      <p:sp>
        <p:nvSpPr>
          <p:cNvPr id="99" name="Rectangle 98">
            <a:extLst>
              <a:ext uri="{FF2B5EF4-FFF2-40B4-BE49-F238E27FC236}">
                <a16:creationId xmlns:a16="http://schemas.microsoft.com/office/drawing/2014/main" id="{3FD0B605-1239-4DC4-8226-FF7F4EF6489A}"/>
              </a:ext>
            </a:extLst>
          </p:cNvPr>
          <p:cNvSpPr/>
          <p:nvPr/>
        </p:nvSpPr>
        <p:spPr>
          <a:xfrm>
            <a:off x="4583884" y="613407"/>
            <a:ext cx="3024224" cy="342834"/>
          </a:xfrm>
          <a:prstGeom prst="rect">
            <a:avLst/>
          </a:prstGeom>
          <a:solidFill>
            <a:schemeClr val="bg1">
              <a:lumMod val="6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tIns="0" bIns="198060" rtlCol="0" anchor="ctr" anchorCtr="0"/>
          <a:lstStyle/>
          <a:p>
            <a:pPr algn="ctr">
              <a:lnSpc>
                <a:spcPct val="200000"/>
              </a:lnSpc>
            </a:pPr>
            <a:r>
              <a:rPr lang="en-GB" sz="1481" noProof="1">
                <a:solidFill>
                  <a:prstClr val="white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Board of representatives</a:t>
            </a:r>
          </a:p>
        </p:txBody>
      </p:sp>
      <p:sp>
        <p:nvSpPr>
          <p:cNvPr id="100" name="Rectangle 99">
            <a:extLst>
              <a:ext uri="{FF2B5EF4-FFF2-40B4-BE49-F238E27FC236}">
                <a16:creationId xmlns:a16="http://schemas.microsoft.com/office/drawing/2014/main" id="{40F23ED2-87B0-4574-864F-9C485A3FD180}"/>
              </a:ext>
            </a:extLst>
          </p:cNvPr>
          <p:cNvSpPr/>
          <p:nvPr/>
        </p:nvSpPr>
        <p:spPr>
          <a:xfrm>
            <a:off x="4583888" y="1014697"/>
            <a:ext cx="3024224" cy="342834"/>
          </a:xfrm>
          <a:prstGeom prst="rect">
            <a:avLst/>
          </a:prstGeom>
          <a:solidFill>
            <a:schemeClr val="bg1">
              <a:lumMod val="6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tIns="0" bIns="198060" rtlCol="0" anchor="ctr" anchorCtr="0"/>
          <a:lstStyle/>
          <a:p>
            <a:pPr algn="ctr">
              <a:lnSpc>
                <a:spcPct val="200000"/>
              </a:lnSpc>
            </a:pPr>
            <a:r>
              <a:rPr lang="en-GB" sz="1481" noProof="1">
                <a:solidFill>
                  <a:prstClr val="white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Board of trustees</a:t>
            </a:r>
          </a:p>
        </p:txBody>
      </p:sp>
      <p:sp>
        <p:nvSpPr>
          <p:cNvPr id="101" name="Rectangle 100">
            <a:extLst>
              <a:ext uri="{FF2B5EF4-FFF2-40B4-BE49-F238E27FC236}">
                <a16:creationId xmlns:a16="http://schemas.microsoft.com/office/drawing/2014/main" id="{EE2710FC-443D-4CD2-B016-C7D27F84D55F}"/>
              </a:ext>
            </a:extLst>
          </p:cNvPr>
          <p:cNvSpPr/>
          <p:nvPr/>
        </p:nvSpPr>
        <p:spPr>
          <a:xfrm>
            <a:off x="377233" y="1415690"/>
            <a:ext cx="11352258" cy="668187"/>
          </a:xfrm>
          <a:prstGeom prst="rect">
            <a:avLst/>
          </a:prstGeom>
          <a:solidFill>
            <a:srgbClr val="ED1A3B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tIns="0" bIns="198060" rtlCol="0" anchor="t" anchorCtr="0"/>
          <a:lstStyle/>
          <a:p>
            <a:pPr algn="ctr">
              <a:lnSpc>
                <a:spcPct val="150000"/>
              </a:lnSpc>
            </a:pPr>
            <a:r>
              <a:rPr lang="en-GB" sz="1481" noProof="1">
                <a:solidFill>
                  <a:prstClr val="white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Danish Technological Institute</a:t>
            </a:r>
          </a:p>
          <a:p>
            <a:pPr algn="ctr">
              <a:lnSpc>
                <a:spcPct val="150000"/>
              </a:lnSpc>
            </a:pPr>
            <a:r>
              <a:rPr lang="en-GB" sz="1058" noProof="1">
                <a:solidFill>
                  <a:prstClr val="white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President Juan Farré</a:t>
            </a:r>
          </a:p>
        </p:txBody>
      </p:sp>
      <p:sp>
        <p:nvSpPr>
          <p:cNvPr id="102" name="Rectangle 101">
            <a:extLst>
              <a:ext uri="{FF2B5EF4-FFF2-40B4-BE49-F238E27FC236}">
                <a16:creationId xmlns:a16="http://schemas.microsoft.com/office/drawing/2014/main" id="{F887FA81-2CFF-4DFB-B5B5-F0D31F1C14FC}"/>
              </a:ext>
            </a:extLst>
          </p:cNvPr>
          <p:cNvSpPr/>
          <p:nvPr/>
        </p:nvSpPr>
        <p:spPr>
          <a:xfrm>
            <a:off x="377234" y="2570179"/>
            <a:ext cx="1333096" cy="482352"/>
          </a:xfrm>
          <a:prstGeom prst="rect">
            <a:avLst/>
          </a:prstGeom>
          <a:solidFill>
            <a:schemeClr val="bg1">
              <a:lumMod val="6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6177" tIns="76177" rIns="76177" bIns="49515" rtlCol="0" anchor="t" anchorCtr="0"/>
          <a:lstStyle/>
          <a:p>
            <a:pPr algn="ctr"/>
            <a:r>
              <a:rPr lang="en-GB" sz="1058" b="1" noProof="1">
                <a:solidFill>
                  <a:prstClr val="white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AgroTech</a:t>
            </a:r>
          </a:p>
        </p:txBody>
      </p:sp>
      <p:sp>
        <p:nvSpPr>
          <p:cNvPr id="103" name="Rectangle 102">
            <a:extLst>
              <a:ext uri="{FF2B5EF4-FFF2-40B4-BE49-F238E27FC236}">
                <a16:creationId xmlns:a16="http://schemas.microsoft.com/office/drawing/2014/main" id="{E971FB23-A77D-41BC-AEA3-F1293620EC1A}"/>
              </a:ext>
            </a:extLst>
          </p:cNvPr>
          <p:cNvSpPr/>
          <p:nvPr/>
        </p:nvSpPr>
        <p:spPr>
          <a:xfrm>
            <a:off x="400579" y="3125964"/>
            <a:ext cx="1333096" cy="48235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0" bIns="0" rtlCol="0" anchor="b" anchorCtr="0"/>
          <a:lstStyle/>
          <a:p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Executive </a:t>
            </a:r>
            <a:b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</a:b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vice president</a:t>
            </a:r>
          </a:p>
          <a:p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Bodil H. Lorentzen</a:t>
            </a:r>
          </a:p>
        </p:txBody>
      </p:sp>
      <p:sp>
        <p:nvSpPr>
          <p:cNvPr id="104" name="Rectangle 103">
            <a:extLst>
              <a:ext uri="{FF2B5EF4-FFF2-40B4-BE49-F238E27FC236}">
                <a16:creationId xmlns:a16="http://schemas.microsoft.com/office/drawing/2014/main" id="{4BDC481D-4CC6-481B-ACE5-112D5AC5C2B1}"/>
              </a:ext>
            </a:extLst>
          </p:cNvPr>
          <p:cNvSpPr/>
          <p:nvPr/>
        </p:nvSpPr>
        <p:spPr>
          <a:xfrm>
            <a:off x="377234" y="3646115"/>
            <a:ext cx="1327953" cy="45719"/>
          </a:xfrm>
          <a:prstGeom prst="rect">
            <a:avLst/>
          </a:prstGeom>
          <a:solidFill>
            <a:schemeClr val="bg2">
              <a:lumMod val="60000"/>
              <a:lumOff val="4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6177" tIns="76177" rIns="76177" bIns="0" rtlCol="0" anchor="b" anchorCtr="0"/>
          <a:lstStyle/>
          <a:p>
            <a:endParaRPr lang="en-GB" sz="1058" baseline="30000" noProof="1">
              <a:solidFill>
                <a:prstClr val="white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105" name="Rectangle 104">
            <a:extLst>
              <a:ext uri="{FF2B5EF4-FFF2-40B4-BE49-F238E27FC236}">
                <a16:creationId xmlns:a16="http://schemas.microsoft.com/office/drawing/2014/main" id="{DA41F8FA-9F3C-4A20-A371-4F696FC2DB68}"/>
              </a:ext>
            </a:extLst>
          </p:cNvPr>
          <p:cNvSpPr/>
          <p:nvPr/>
        </p:nvSpPr>
        <p:spPr>
          <a:xfrm>
            <a:off x="377234" y="3646117"/>
            <a:ext cx="1333096" cy="23142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76177" bIns="0" rtlCol="0" anchor="t" anchorCtr="0"/>
          <a:lstStyle/>
          <a:p>
            <a:r>
              <a:rPr lang="en-GB" sz="1058" dirty="0">
                <a:solidFill>
                  <a:schemeClr val="tx1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Bioresources and Biorefinery</a:t>
            </a:r>
          </a:p>
          <a:p>
            <a:endParaRPr lang="en-GB" sz="1058" dirty="0">
              <a:solidFill>
                <a:schemeClr val="tx1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  <a:p>
            <a:r>
              <a:rPr lang="en-GB" sz="1058">
                <a:solidFill>
                  <a:schemeClr val="tx1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Field Technology</a:t>
            </a:r>
            <a:endParaRPr lang="en-GB" sz="1058" dirty="0">
              <a:solidFill>
                <a:schemeClr val="tx1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  <a:p>
            <a:endParaRPr lang="en-GB" sz="1058" dirty="0">
              <a:solidFill>
                <a:schemeClr val="tx1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  <a:p>
            <a:r>
              <a:rPr lang="en-GB" sz="1058" dirty="0">
                <a:solidFill>
                  <a:schemeClr val="tx1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Food Technology</a:t>
            </a:r>
          </a:p>
          <a:p>
            <a:endParaRPr lang="en-GB" sz="1058" dirty="0">
              <a:solidFill>
                <a:schemeClr val="tx1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  <a:p>
            <a:r>
              <a:rPr lang="en-GB" sz="1058" dirty="0">
                <a:solidFill>
                  <a:schemeClr val="tx1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Plant Technology</a:t>
            </a:r>
          </a:p>
          <a:p>
            <a:endParaRPr lang="en-GB" sz="1058" dirty="0">
              <a:solidFill>
                <a:schemeClr val="tx1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106" name="Rectangle 105">
            <a:extLst>
              <a:ext uri="{FF2B5EF4-FFF2-40B4-BE49-F238E27FC236}">
                <a16:creationId xmlns:a16="http://schemas.microsoft.com/office/drawing/2014/main" id="{254F75A6-E223-48F7-9C41-855E72D34417}"/>
              </a:ext>
            </a:extLst>
          </p:cNvPr>
          <p:cNvSpPr/>
          <p:nvPr/>
        </p:nvSpPr>
        <p:spPr>
          <a:xfrm>
            <a:off x="1807775" y="2570179"/>
            <a:ext cx="1333096" cy="482352"/>
          </a:xfrm>
          <a:prstGeom prst="rect">
            <a:avLst/>
          </a:prstGeom>
          <a:solidFill>
            <a:schemeClr val="bg1">
              <a:lumMod val="6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square" lIns="76177" tIns="76177" rIns="76177" bIns="49515" rtlCol="0" anchor="t" anchorCtr="0"/>
          <a:lstStyle/>
          <a:p>
            <a:pPr algn="ctr"/>
            <a:r>
              <a:rPr lang="en-GB" sz="1058" b="1" noProof="1">
                <a:solidFill>
                  <a:prstClr val="white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Building and Construction</a:t>
            </a:r>
          </a:p>
          <a:p>
            <a:pPr algn="ctr"/>
            <a:endParaRPr lang="en-GB" sz="1058" b="1" noProof="1">
              <a:solidFill>
                <a:prstClr val="white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107" name="Rectangle 106">
            <a:extLst>
              <a:ext uri="{FF2B5EF4-FFF2-40B4-BE49-F238E27FC236}">
                <a16:creationId xmlns:a16="http://schemas.microsoft.com/office/drawing/2014/main" id="{14359E9F-2D95-4E3C-80EA-EFBE9919E91C}"/>
              </a:ext>
            </a:extLst>
          </p:cNvPr>
          <p:cNvSpPr/>
          <p:nvPr/>
        </p:nvSpPr>
        <p:spPr>
          <a:xfrm>
            <a:off x="1807775" y="3108065"/>
            <a:ext cx="1333096" cy="49390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0" bIns="0" rtlCol="0" anchor="b" anchorCtr="0"/>
          <a:lstStyle/>
          <a:p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Executive </a:t>
            </a:r>
            <a:b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</a:b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vice president</a:t>
            </a:r>
          </a:p>
          <a:p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Mette Glavind</a:t>
            </a:r>
          </a:p>
        </p:txBody>
      </p:sp>
      <p:sp>
        <p:nvSpPr>
          <p:cNvPr id="108" name="Rectangle 107">
            <a:extLst>
              <a:ext uri="{FF2B5EF4-FFF2-40B4-BE49-F238E27FC236}">
                <a16:creationId xmlns:a16="http://schemas.microsoft.com/office/drawing/2014/main" id="{5E078474-1691-4D11-9B35-E3EDA5E6D9A9}"/>
              </a:ext>
            </a:extLst>
          </p:cNvPr>
          <p:cNvSpPr/>
          <p:nvPr/>
        </p:nvSpPr>
        <p:spPr>
          <a:xfrm flipV="1">
            <a:off x="1807775" y="3645949"/>
            <a:ext cx="1333096" cy="45719"/>
          </a:xfrm>
          <a:prstGeom prst="rect">
            <a:avLst/>
          </a:prstGeom>
          <a:solidFill>
            <a:schemeClr val="bg2">
              <a:lumMod val="60000"/>
              <a:lumOff val="4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6177" tIns="76177" rIns="76177" bIns="0" rtlCol="0" anchor="b" anchorCtr="0"/>
          <a:lstStyle/>
          <a:p>
            <a:endParaRPr lang="en-GB" sz="1058" baseline="30000" noProof="1">
              <a:solidFill>
                <a:prstClr val="white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109" name="Rectangle 108">
            <a:extLst>
              <a:ext uri="{FF2B5EF4-FFF2-40B4-BE49-F238E27FC236}">
                <a16:creationId xmlns:a16="http://schemas.microsoft.com/office/drawing/2014/main" id="{9C62292B-325C-4890-B2FA-D0A6AAA5FAF8}"/>
              </a:ext>
            </a:extLst>
          </p:cNvPr>
          <p:cNvSpPr/>
          <p:nvPr/>
        </p:nvSpPr>
        <p:spPr>
          <a:xfrm>
            <a:off x="1807775" y="3646116"/>
            <a:ext cx="1333096" cy="23142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76177" bIns="0" rtlCol="0" anchor="t" anchorCtr="0"/>
          <a:lstStyle/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Buildings and Environment</a:t>
            </a:r>
          </a:p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Concrete</a:t>
            </a:r>
          </a:p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Masonry</a:t>
            </a:r>
          </a:p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Pipe Centre</a:t>
            </a:r>
          </a:p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Wood and Biomaterials</a:t>
            </a:r>
          </a:p>
        </p:txBody>
      </p:sp>
      <p:sp>
        <p:nvSpPr>
          <p:cNvPr id="110" name="Rectangle 109">
            <a:extLst>
              <a:ext uri="{FF2B5EF4-FFF2-40B4-BE49-F238E27FC236}">
                <a16:creationId xmlns:a16="http://schemas.microsoft.com/office/drawing/2014/main" id="{FC6B8D89-CCED-4E89-A511-8DAAD78176B7}"/>
              </a:ext>
            </a:extLst>
          </p:cNvPr>
          <p:cNvSpPr/>
          <p:nvPr/>
        </p:nvSpPr>
        <p:spPr>
          <a:xfrm>
            <a:off x="3238317" y="2570179"/>
            <a:ext cx="1333096" cy="482352"/>
          </a:xfrm>
          <a:prstGeom prst="rect">
            <a:avLst/>
          </a:prstGeom>
          <a:solidFill>
            <a:schemeClr val="bg1">
              <a:lumMod val="6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6177" tIns="76177" rIns="76177" bIns="49515" rtlCol="0" anchor="t" anchorCtr="0"/>
          <a:lstStyle/>
          <a:p>
            <a:pPr algn="ctr"/>
            <a:r>
              <a:rPr lang="en-GB" sz="1058" b="1" noProof="1">
                <a:solidFill>
                  <a:prstClr val="white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DMRI</a:t>
            </a:r>
          </a:p>
        </p:txBody>
      </p:sp>
      <p:sp>
        <p:nvSpPr>
          <p:cNvPr id="111" name="Rectangle 110">
            <a:extLst>
              <a:ext uri="{FF2B5EF4-FFF2-40B4-BE49-F238E27FC236}">
                <a16:creationId xmlns:a16="http://schemas.microsoft.com/office/drawing/2014/main" id="{526FF3CC-A68E-471C-A7EF-7E8560A067B1}"/>
              </a:ext>
            </a:extLst>
          </p:cNvPr>
          <p:cNvSpPr/>
          <p:nvPr/>
        </p:nvSpPr>
        <p:spPr>
          <a:xfrm>
            <a:off x="3238317" y="3108065"/>
            <a:ext cx="1333096" cy="50024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76177" bIns="0" rtlCol="0" anchor="b" anchorCtr="0"/>
          <a:lstStyle/>
          <a:p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Executive </a:t>
            </a:r>
            <a:b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</a:b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vice president</a:t>
            </a:r>
          </a:p>
          <a:p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Lars Hinrichsen</a:t>
            </a:r>
          </a:p>
        </p:txBody>
      </p:sp>
      <p:sp>
        <p:nvSpPr>
          <p:cNvPr id="112" name="Rectangle 111">
            <a:extLst>
              <a:ext uri="{FF2B5EF4-FFF2-40B4-BE49-F238E27FC236}">
                <a16:creationId xmlns:a16="http://schemas.microsoft.com/office/drawing/2014/main" id="{D20CE91C-F121-4EFB-85E0-2FF8CAB751C1}"/>
              </a:ext>
            </a:extLst>
          </p:cNvPr>
          <p:cNvSpPr/>
          <p:nvPr/>
        </p:nvSpPr>
        <p:spPr>
          <a:xfrm flipV="1">
            <a:off x="3243287" y="3653316"/>
            <a:ext cx="1317452" cy="45719"/>
          </a:xfrm>
          <a:prstGeom prst="rect">
            <a:avLst/>
          </a:prstGeom>
          <a:solidFill>
            <a:schemeClr val="bg2">
              <a:lumMod val="60000"/>
              <a:lumOff val="4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6177" tIns="76177" rIns="76177" bIns="0" rtlCol="0" anchor="b" anchorCtr="0"/>
          <a:lstStyle/>
          <a:p>
            <a:endParaRPr lang="en-GB" sz="1058" baseline="30000" noProof="1">
              <a:solidFill>
                <a:prstClr val="white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113" name="Rectangle 112">
            <a:extLst>
              <a:ext uri="{FF2B5EF4-FFF2-40B4-BE49-F238E27FC236}">
                <a16:creationId xmlns:a16="http://schemas.microsoft.com/office/drawing/2014/main" id="{7E9A31AC-9087-409A-BCE1-CE3A2F8B6434}"/>
              </a:ext>
            </a:extLst>
          </p:cNvPr>
          <p:cNvSpPr/>
          <p:nvPr/>
        </p:nvSpPr>
        <p:spPr>
          <a:xfrm>
            <a:off x="3238317" y="3646117"/>
            <a:ext cx="1333096" cy="23142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76177" bIns="0" rtlCol="0" anchor="t" anchorCtr="0"/>
          <a:lstStyle/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Automation</a:t>
            </a:r>
          </a:p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Business Development</a:t>
            </a:r>
          </a:p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Food Safety</a:t>
            </a:r>
          </a:p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Meat Technology</a:t>
            </a:r>
          </a:p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Process Design and Operations</a:t>
            </a:r>
          </a:p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Sustainability and Digitization</a:t>
            </a:r>
          </a:p>
          <a:p>
            <a:pPr>
              <a:spcAft>
                <a:spcPts val="846"/>
              </a:spcAft>
            </a:pPr>
            <a:endParaRPr lang="en-GB" sz="1058" noProof="1">
              <a:solidFill>
                <a:prstClr val="black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  <a:p>
            <a:pPr>
              <a:spcAft>
                <a:spcPts val="846"/>
              </a:spcAft>
            </a:pPr>
            <a:endParaRPr lang="en-GB" sz="1058" noProof="1">
              <a:solidFill>
                <a:prstClr val="black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114" name="Rectangle 113">
            <a:extLst>
              <a:ext uri="{FF2B5EF4-FFF2-40B4-BE49-F238E27FC236}">
                <a16:creationId xmlns:a16="http://schemas.microsoft.com/office/drawing/2014/main" id="{259F6630-74C9-4327-8768-3829976DD8B0}"/>
              </a:ext>
            </a:extLst>
          </p:cNvPr>
          <p:cNvSpPr/>
          <p:nvPr/>
        </p:nvSpPr>
        <p:spPr>
          <a:xfrm>
            <a:off x="6099631" y="2570179"/>
            <a:ext cx="1333096" cy="482352"/>
          </a:xfrm>
          <a:prstGeom prst="rect">
            <a:avLst/>
          </a:prstGeom>
          <a:solidFill>
            <a:schemeClr val="bg1">
              <a:lumMod val="6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6177" tIns="76177" rIns="76177" bIns="49515" rtlCol="0" anchor="t" anchorCtr="0"/>
          <a:lstStyle/>
          <a:p>
            <a:pPr algn="ctr"/>
            <a:r>
              <a:rPr lang="en-GB" sz="1058" b="1" noProof="1">
                <a:solidFill>
                  <a:prstClr val="white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Environmental Technology</a:t>
            </a:r>
          </a:p>
        </p:txBody>
      </p:sp>
      <p:sp>
        <p:nvSpPr>
          <p:cNvPr id="115" name="Rectangle 114">
            <a:extLst>
              <a:ext uri="{FF2B5EF4-FFF2-40B4-BE49-F238E27FC236}">
                <a16:creationId xmlns:a16="http://schemas.microsoft.com/office/drawing/2014/main" id="{82952C73-A107-4BB9-A284-00E3E8516889}"/>
              </a:ext>
            </a:extLst>
          </p:cNvPr>
          <p:cNvSpPr/>
          <p:nvPr/>
        </p:nvSpPr>
        <p:spPr>
          <a:xfrm>
            <a:off x="6118494" y="3201769"/>
            <a:ext cx="1333096" cy="3900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76177" bIns="0" rtlCol="0" anchor="b" anchorCtr="0"/>
          <a:lstStyle/>
          <a:p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Executive </a:t>
            </a:r>
            <a:b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</a:b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vice president</a:t>
            </a:r>
          </a:p>
          <a:p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Sune D. Nygaard</a:t>
            </a:r>
          </a:p>
        </p:txBody>
      </p:sp>
      <p:sp>
        <p:nvSpPr>
          <p:cNvPr id="116" name="Rectangle 115">
            <a:extLst>
              <a:ext uri="{FF2B5EF4-FFF2-40B4-BE49-F238E27FC236}">
                <a16:creationId xmlns:a16="http://schemas.microsoft.com/office/drawing/2014/main" id="{1AEB16F7-D7E0-41F9-A022-719055663338}"/>
              </a:ext>
            </a:extLst>
          </p:cNvPr>
          <p:cNvSpPr/>
          <p:nvPr/>
        </p:nvSpPr>
        <p:spPr>
          <a:xfrm>
            <a:off x="6099628" y="3643308"/>
            <a:ext cx="1351961" cy="45719"/>
          </a:xfrm>
          <a:prstGeom prst="rect">
            <a:avLst/>
          </a:prstGeom>
          <a:solidFill>
            <a:schemeClr val="bg2">
              <a:lumMod val="60000"/>
              <a:lumOff val="4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6177" tIns="76177" rIns="76177" bIns="0" rtlCol="0" anchor="b" anchorCtr="0"/>
          <a:lstStyle/>
          <a:p>
            <a:endParaRPr lang="en-GB" sz="1058" baseline="30000" noProof="1">
              <a:solidFill>
                <a:prstClr val="white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117" name="Rectangle 116">
            <a:extLst>
              <a:ext uri="{FF2B5EF4-FFF2-40B4-BE49-F238E27FC236}">
                <a16:creationId xmlns:a16="http://schemas.microsoft.com/office/drawing/2014/main" id="{36B5A520-B94B-417E-9F11-91850B13D99C}"/>
              </a:ext>
            </a:extLst>
          </p:cNvPr>
          <p:cNvSpPr/>
          <p:nvPr/>
        </p:nvSpPr>
        <p:spPr>
          <a:xfrm>
            <a:off x="6099631" y="3646116"/>
            <a:ext cx="1333096" cy="23142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76177" bIns="0" rtlCol="0" anchor="t" anchorCtr="0"/>
          <a:lstStyle/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Air and Sensor Technology</a:t>
            </a:r>
          </a:p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Laboratory for Chemistry and Microbiology</a:t>
            </a:r>
          </a:p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Product and Materials Chemistry</a:t>
            </a:r>
          </a:p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Water and Biotechnology </a:t>
            </a:r>
          </a:p>
        </p:txBody>
      </p:sp>
      <p:sp>
        <p:nvSpPr>
          <p:cNvPr id="118" name="Rectangle 117">
            <a:extLst>
              <a:ext uri="{FF2B5EF4-FFF2-40B4-BE49-F238E27FC236}">
                <a16:creationId xmlns:a16="http://schemas.microsoft.com/office/drawing/2014/main" id="{609D665F-37A0-4F1A-97C3-79A7A2D4AD4F}"/>
              </a:ext>
            </a:extLst>
          </p:cNvPr>
          <p:cNvSpPr/>
          <p:nvPr/>
        </p:nvSpPr>
        <p:spPr>
          <a:xfrm>
            <a:off x="7535143" y="2576373"/>
            <a:ext cx="1333096" cy="482352"/>
          </a:xfrm>
          <a:prstGeom prst="rect">
            <a:avLst/>
          </a:prstGeom>
          <a:solidFill>
            <a:schemeClr val="bg1">
              <a:lumMod val="6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6177" tIns="76177" rIns="76177" bIns="49515" rtlCol="0" anchor="t" anchorCtr="0"/>
          <a:lstStyle/>
          <a:p>
            <a:pPr algn="ctr"/>
            <a:r>
              <a:rPr lang="en-GB" sz="1058" b="1" noProof="1">
                <a:solidFill>
                  <a:prstClr val="white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Materials</a:t>
            </a:r>
          </a:p>
        </p:txBody>
      </p:sp>
      <p:sp>
        <p:nvSpPr>
          <p:cNvPr id="119" name="Rectangle 118">
            <a:extLst>
              <a:ext uri="{FF2B5EF4-FFF2-40B4-BE49-F238E27FC236}">
                <a16:creationId xmlns:a16="http://schemas.microsoft.com/office/drawing/2014/main" id="{5FD6A26E-D594-4DEB-B342-CC24D31DC06D}"/>
              </a:ext>
            </a:extLst>
          </p:cNvPr>
          <p:cNvSpPr/>
          <p:nvPr/>
        </p:nvSpPr>
        <p:spPr>
          <a:xfrm>
            <a:off x="7535143" y="3646116"/>
            <a:ext cx="1333096" cy="23142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76177" bIns="0" rtlCol="0" anchor="t" anchorCtr="0"/>
          <a:lstStyle/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Additive Manufacturing</a:t>
            </a:r>
          </a:p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Big Science</a:t>
            </a:r>
          </a:p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Industrial Materials Technology</a:t>
            </a:r>
          </a:p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Plastics and Packaging Technology</a:t>
            </a:r>
          </a:p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Tribology</a:t>
            </a:r>
          </a:p>
          <a:p>
            <a:pPr>
              <a:spcAft>
                <a:spcPts val="846"/>
              </a:spcAft>
            </a:pPr>
            <a:endParaRPr lang="en-GB" sz="1058" noProof="1">
              <a:solidFill>
                <a:prstClr val="black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120" name="Rectangle 119">
            <a:extLst>
              <a:ext uri="{FF2B5EF4-FFF2-40B4-BE49-F238E27FC236}">
                <a16:creationId xmlns:a16="http://schemas.microsoft.com/office/drawing/2014/main" id="{6DF88502-206A-4FEF-9293-36D327CA3F22}"/>
              </a:ext>
            </a:extLst>
          </p:cNvPr>
          <p:cNvSpPr/>
          <p:nvPr/>
        </p:nvSpPr>
        <p:spPr>
          <a:xfrm>
            <a:off x="10396395" y="3032356"/>
            <a:ext cx="1333096" cy="399973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76177" bIns="0" rtlCol="0" anchor="b" anchorCtr="0"/>
          <a:lstStyle/>
          <a:p>
            <a:endParaRPr lang="en-GB" sz="1058" noProof="1">
              <a:solidFill>
                <a:prstClr val="black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121" name="Rectangle 120">
            <a:extLst>
              <a:ext uri="{FF2B5EF4-FFF2-40B4-BE49-F238E27FC236}">
                <a16:creationId xmlns:a16="http://schemas.microsoft.com/office/drawing/2014/main" id="{170C4801-6FEB-4248-A729-D4E9A0FFDE8B}"/>
              </a:ext>
            </a:extLst>
          </p:cNvPr>
          <p:cNvSpPr/>
          <p:nvPr/>
        </p:nvSpPr>
        <p:spPr>
          <a:xfrm>
            <a:off x="10401254" y="3633186"/>
            <a:ext cx="1381806" cy="45719"/>
          </a:xfrm>
          <a:prstGeom prst="rect">
            <a:avLst/>
          </a:prstGeom>
          <a:solidFill>
            <a:schemeClr val="bg2">
              <a:lumMod val="60000"/>
              <a:lumOff val="4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6177" tIns="76177" rIns="76177" bIns="0" rtlCol="0" anchor="b" anchorCtr="0"/>
          <a:lstStyle/>
          <a:p>
            <a:endParaRPr lang="en-GB" sz="2015" baseline="30000" noProof="1">
              <a:solidFill>
                <a:prstClr val="white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122" name="Rectangle 121">
            <a:extLst>
              <a:ext uri="{FF2B5EF4-FFF2-40B4-BE49-F238E27FC236}">
                <a16:creationId xmlns:a16="http://schemas.microsoft.com/office/drawing/2014/main" id="{4E7D7459-B548-47DE-9163-CC7E83FDD984}"/>
              </a:ext>
            </a:extLst>
          </p:cNvPr>
          <p:cNvSpPr/>
          <p:nvPr/>
        </p:nvSpPr>
        <p:spPr>
          <a:xfrm>
            <a:off x="4668973" y="2570179"/>
            <a:ext cx="1333096" cy="482352"/>
          </a:xfrm>
          <a:prstGeom prst="rect">
            <a:avLst/>
          </a:prstGeom>
          <a:solidFill>
            <a:schemeClr val="bg1">
              <a:lumMod val="6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6177" tIns="76177" rIns="76177" bIns="49515" rtlCol="0" anchor="t" anchorCtr="0"/>
          <a:lstStyle/>
          <a:p>
            <a:pPr algn="ctr"/>
            <a:r>
              <a:rPr lang="en-GB" sz="1058" b="1" noProof="1">
                <a:solidFill>
                  <a:prstClr val="white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Energy </a:t>
            </a:r>
            <a:br>
              <a:rPr lang="en-GB" sz="1058" b="1" noProof="1">
                <a:solidFill>
                  <a:prstClr val="white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</a:br>
            <a:r>
              <a:rPr lang="en-GB" sz="1058" b="1" noProof="1">
                <a:solidFill>
                  <a:prstClr val="white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and Climate</a:t>
            </a:r>
          </a:p>
        </p:txBody>
      </p:sp>
      <p:sp>
        <p:nvSpPr>
          <p:cNvPr id="123" name="Rectangle 122">
            <a:extLst>
              <a:ext uri="{FF2B5EF4-FFF2-40B4-BE49-F238E27FC236}">
                <a16:creationId xmlns:a16="http://schemas.microsoft.com/office/drawing/2014/main" id="{54927B76-272C-4163-93E9-C5B559735D06}"/>
              </a:ext>
            </a:extLst>
          </p:cNvPr>
          <p:cNvSpPr/>
          <p:nvPr/>
        </p:nvSpPr>
        <p:spPr>
          <a:xfrm>
            <a:off x="4668973" y="3108066"/>
            <a:ext cx="1333096" cy="50024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0" bIns="0" rtlCol="0" anchor="b" anchorCtr="0"/>
          <a:lstStyle/>
          <a:p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Executive </a:t>
            </a:r>
            <a:b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</a:b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vice president</a:t>
            </a:r>
          </a:p>
          <a:p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David Tveit</a:t>
            </a:r>
          </a:p>
        </p:txBody>
      </p:sp>
      <p:sp useBgFill="1">
        <p:nvSpPr>
          <p:cNvPr id="125" name="Rectangle 124">
            <a:extLst>
              <a:ext uri="{FF2B5EF4-FFF2-40B4-BE49-F238E27FC236}">
                <a16:creationId xmlns:a16="http://schemas.microsoft.com/office/drawing/2014/main" id="{3FD470D2-113E-4134-8971-A244D4D894CC}"/>
              </a:ext>
            </a:extLst>
          </p:cNvPr>
          <p:cNvSpPr/>
          <p:nvPr/>
        </p:nvSpPr>
        <p:spPr>
          <a:xfrm>
            <a:off x="4668973" y="3646116"/>
            <a:ext cx="1333096" cy="2598477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76177" bIns="0" rtlCol="0" anchor="t" anchorCtr="0"/>
          <a:lstStyle/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Automobile Technology</a:t>
            </a:r>
          </a:p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Energy Efficiency and Ventilation</a:t>
            </a:r>
          </a:p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Installation and Calibration</a:t>
            </a:r>
          </a:p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Refrigeration and Heat Pump Technology</a:t>
            </a:r>
          </a:p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Transport and Electric Systems</a:t>
            </a:r>
          </a:p>
        </p:txBody>
      </p:sp>
      <p:sp>
        <p:nvSpPr>
          <p:cNvPr id="126" name="Rectangle 125">
            <a:extLst>
              <a:ext uri="{FF2B5EF4-FFF2-40B4-BE49-F238E27FC236}">
                <a16:creationId xmlns:a16="http://schemas.microsoft.com/office/drawing/2014/main" id="{2E89C441-F42C-479D-B75A-37A840A62244}"/>
              </a:ext>
            </a:extLst>
          </p:cNvPr>
          <p:cNvSpPr/>
          <p:nvPr/>
        </p:nvSpPr>
        <p:spPr>
          <a:xfrm>
            <a:off x="4663155" y="3646417"/>
            <a:ext cx="1333096" cy="52618"/>
          </a:xfrm>
          <a:prstGeom prst="rect">
            <a:avLst/>
          </a:prstGeom>
          <a:solidFill>
            <a:schemeClr val="bg2">
              <a:lumMod val="60000"/>
              <a:lumOff val="4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6177" tIns="76177" rIns="76177" bIns="0" rtlCol="0" anchor="b" anchorCtr="0"/>
          <a:lstStyle/>
          <a:p>
            <a:endParaRPr lang="en-GB" sz="1058" baseline="30000" noProof="1">
              <a:solidFill>
                <a:prstClr val="white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127" name="Rectangle 126">
            <a:extLst>
              <a:ext uri="{FF2B5EF4-FFF2-40B4-BE49-F238E27FC236}">
                <a16:creationId xmlns:a16="http://schemas.microsoft.com/office/drawing/2014/main" id="{E0931A89-04DD-4488-8BD8-4BB6A5FB21EB}"/>
              </a:ext>
            </a:extLst>
          </p:cNvPr>
          <p:cNvSpPr/>
          <p:nvPr/>
        </p:nvSpPr>
        <p:spPr>
          <a:xfrm>
            <a:off x="10396005" y="2567098"/>
            <a:ext cx="1333096" cy="482352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6177" tIns="76177" rIns="76177" bIns="49515" rtlCol="0" anchor="t" anchorCtr="0"/>
          <a:lstStyle/>
          <a:p>
            <a:pPr algn="ctr"/>
            <a:r>
              <a:rPr lang="en-GB" sz="1058" b="1" noProof="1">
                <a:solidFill>
                  <a:prstClr val="white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Subsidiaries</a:t>
            </a:r>
          </a:p>
        </p:txBody>
      </p:sp>
      <p:sp>
        <p:nvSpPr>
          <p:cNvPr id="128" name="Rectangle 127">
            <a:extLst>
              <a:ext uri="{FF2B5EF4-FFF2-40B4-BE49-F238E27FC236}">
                <a16:creationId xmlns:a16="http://schemas.microsoft.com/office/drawing/2014/main" id="{4F6531FD-9A5A-415D-9661-3EB3E10686BD}"/>
              </a:ext>
            </a:extLst>
          </p:cNvPr>
          <p:cNvSpPr/>
          <p:nvPr/>
        </p:nvSpPr>
        <p:spPr>
          <a:xfrm>
            <a:off x="10396005" y="3646116"/>
            <a:ext cx="1333096" cy="231429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76177" bIns="0" rtlCol="0" anchor="t" anchorCtr="0"/>
          <a:lstStyle/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Danfysik A/S</a:t>
            </a:r>
          </a:p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Teknologisk Innovation A/S</a:t>
            </a:r>
          </a:p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Dancert A/S</a:t>
            </a:r>
          </a:p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Danish Technological Institute Spain, S.L</a:t>
            </a:r>
          </a:p>
          <a:p>
            <a:pPr>
              <a:spcAft>
                <a:spcPts val="846"/>
              </a:spcAft>
            </a:pPr>
            <a:endParaRPr lang="en-GB" sz="1058" noProof="1">
              <a:solidFill>
                <a:prstClr val="black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129" name="Rectangle 128">
            <a:extLst>
              <a:ext uri="{FF2B5EF4-FFF2-40B4-BE49-F238E27FC236}">
                <a16:creationId xmlns:a16="http://schemas.microsoft.com/office/drawing/2014/main" id="{E8518E05-597F-465E-97EF-684B8704A25A}"/>
              </a:ext>
            </a:extLst>
          </p:cNvPr>
          <p:cNvSpPr/>
          <p:nvPr/>
        </p:nvSpPr>
        <p:spPr>
          <a:xfrm>
            <a:off x="10396005" y="3049881"/>
            <a:ext cx="1333096" cy="38244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76177" bIns="0" rtlCol="0" anchor="b" anchorCtr="0"/>
          <a:lstStyle/>
          <a:p>
            <a:endParaRPr lang="en-GB" sz="1058" noProof="1">
              <a:solidFill>
                <a:prstClr val="black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130" name="Rectangle 129">
            <a:extLst>
              <a:ext uri="{FF2B5EF4-FFF2-40B4-BE49-F238E27FC236}">
                <a16:creationId xmlns:a16="http://schemas.microsoft.com/office/drawing/2014/main" id="{F0655238-5D5F-4B85-B44C-1B98124F8EB3}"/>
              </a:ext>
            </a:extLst>
          </p:cNvPr>
          <p:cNvSpPr/>
          <p:nvPr/>
        </p:nvSpPr>
        <p:spPr>
          <a:xfrm>
            <a:off x="8965855" y="2564679"/>
            <a:ext cx="1347990" cy="482352"/>
          </a:xfrm>
          <a:prstGeom prst="rect">
            <a:avLst/>
          </a:prstGeom>
          <a:solidFill>
            <a:schemeClr val="bg1">
              <a:lumMod val="6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6177" tIns="76177" rIns="76177" bIns="49515" rtlCol="0" anchor="t" anchorCtr="0"/>
          <a:lstStyle/>
          <a:p>
            <a:pPr algn="ctr"/>
            <a:r>
              <a:rPr lang="en-GB" sz="1058" b="1" noProof="1">
                <a:solidFill>
                  <a:prstClr val="white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Production and Innovation</a:t>
            </a:r>
          </a:p>
        </p:txBody>
      </p:sp>
      <p:sp>
        <p:nvSpPr>
          <p:cNvPr id="131" name="Rectangle 130">
            <a:extLst>
              <a:ext uri="{FF2B5EF4-FFF2-40B4-BE49-F238E27FC236}">
                <a16:creationId xmlns:a16="http://schemas.microsoft.com/office/drawing/2014/main" id="{2572303A-653E-4AEF-837C-0FC75AF6655D}"/>
              </a:ext>
            </a:extLst>
          </p:cNvPr>
          <p:cNvSpPr/>
          <p:nvPr/>
        </p:nvSpPr>
        <p:spPr>
          <a:xfrm>
            <a:off x="8965855" y="3136786"/>
            <a:ext cx="1333096" cy="4404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76177" bIns="0" rtlCol="0" anchor="b" anchorCtr="0"/>
          <a:lstStyle/>
          <a:p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Executive </a:t>
            </a:r>
            <a:b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</a:b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vice president </a:t>
            </a:r>
          </a:p>
          <a:p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Anne-Lise H. Lejre </a:t>
            </a:r>
          </a:p>
        </p:txBody>
      </p:sp>
      <p:sp>
        <p:nvSpPr>
          <p:cNvPr id="132" name="Rectangle 131">
            <a:extLst>
              <a:ext uri="{FF2B5EF4-FFF2-40B4-BE49-F238E27FC236}">
                <a16:creationId xmlns:a16="http://schemas.microsoft.com/office/drawing/2014/main" id="{206549B8-0A2A-4A48-8A3A-3E60323FC786}"/>
              </a:ext>
            </a:extLst>
          </p:cNvPr>
          <p:cNvSpPr/>
          <p:nvPr/>
        </p:nvSpPr>
        <p:spPr>
          <a:xfrm>
            <a:off x="379129" y="2131325"/>
            <a:ext cx="11352755" cy="342834"/>
          </a:xfrm>
          <a:prstGeom prst="rect">
            <a:avLst/>
          </a:prstGeom>
          <a:solidFill>
            <a:srgbClr val="2553A4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tIns="0" bIns="198060" rtlCol="0" anchor="ctr" anchorCtr="0"/>
          <a:lstStyle/>
          <a:p>
            <a:pPr algn="ctr"/>
            <a:endParaRPr lang="en-GB" sz="1481" noProof="1">
              <a:solidFill>
                <a:schemeClr val="bg1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133" name="Rectangle 132">
            <a:extLst>
              <a:ext uri="{FF2B5EF4-FFF2-40B4-BE49-F238E27FC236}">
                <a16:creationId xmlns:a16="http://schemas.microsoft.com/office/drawing/2014/main" id="{8BF5A631-ECD5-408D-8E9A-B1C8B5C1CDE6}"/>
              </a:ext>
            </a:extLst>
          </p:cNvPr>
          <p:cNvSpPr/>
          <p:nvPr/>
        </p:nvSpPr>
        <p:spPr>
          <a:xfrm>
            <a:off x="460116" y="2203816"/>
            <a:ext cx="11058297" cy="25513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058" b="1" noProof="1">
                <a:solidFill>
                  <a:schemeClr val="bg1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Staff: </a:t>
            </a:r>
            <a:r>
              <a:rPr lang="en-GB" sz="1058" noProof="1">
                <a:solidFill>
                  <a:schemeClr val="bg1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Building Services, Secretariat of the Executive Board, IT and Communications, Personnel and Development, Finance and Accounts, International Centre, Business Development </a:t>
            </a:r>
          </a:p>
        </p:txBody>
      </p:sp>
      <p:sp>
        <p:nvSpPr>
          <p:cNvPr id="134" name="Rectangle 133">
            <a:extLst>
              <a:ext uri="{FF2B5EF4-FFF2-40B4-BE49-F238E27FC236}">
                <a16:creationId xmlns:a16="http://schemas.microsoft.com/office/drawing/2014/main" id="{3366C81D-7D0D-4FA3-8598-17307C8838F6}"/>
              </a:ext>
            </a:extLst>
          </p:cNvPr>
          <p:cNvSpPr/>
          <p:nvPr/>
        </p:nvSpPr>
        <p:spPr>
          <a:xfrm>
            <a:off x="8965855" y="3646114"/>
            <a:ext cx="1333096" cy="282179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76177" bIns="0" rtlCol="0" anchor="t" anchorCtr="0"/>
          <a:lstStyle/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Policy and Business Development</a:t>
            </a:r>
          </a:p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Innovation and Digital Transformation</a:t>
            </a:r>
          </a:p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Metrology and Quality Assurance </a:t>
            </a:r>
          </a:p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Nano Production and Micro Analysis</a:t>
            </a:r>
          </a:p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Robot Technology</a:t>
            </a:r>
          </a:p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Sustainable Ideation</a:t>
            </a:r>
          </a:p>
          <a:p>
            <a:pPr>
              <a:spcAft>
                <a:spcPts val="846"/>
              </a:spcAft>
            </a:pP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Training</a:t>
            </a:r>
          </a:p>
          <a:p>
            <a:pPr>
              <a:spcAft>
                <a:spcPts val="846"/>
              </a:spcAft>
            </a:pPr>
            <a:endParaRPr lang="en-GB" sz="1058" noProof="1">
              <a:solidFill>
                <a:prstClr val="black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  <a:p>
            <a:pPr>
              <a:spcAft>
                <a:spcPts val="846"/>
              </a:spcAft>
            </a:pPr>
            <a:endParaRPr lang="en-GB" sz="1058" noProof="1">
              <a:solidFill>
                <a:prstClr val="black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  <a:p>
            <a:pPr>
              <a:spcAft>
                <a:spcPts val="846"/>
              </a:spcAft>
            </a:pPr>
            <a:endParaRPr lang="en-GB" sz="1058" noProof="1">
              <a:solidFill>
                <a:prstClr val="black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  <a:p>
            <a:pPr>
              <a:spcAft>
                <a:spcPts val="846"/>
              </a:spcAft>
            </a:pPr>
            <a:endParaRPr lang="en-GB" sz="1058" noProof="1">
              <a:solidFill>
                <a:prstClr val="black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  <a:p>
            <a:pPr>
              <a:spcAft>
                <a:spcPts val="846"/>
              </a:spcAft>
            </a:pPr>
            <a:endParaRPr lang="en-GB" sz="1058" noProof="1">
              <a:solidFill>
                <a:prstClr val="black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135" name="Rectangle 134">
            <a:extLst>
              <a:ext uri="{FF2B5EF4-FFF2-40B4-BE49-F238E27FC236}">
                <a16:creationId xmlns:a16="http://schemas.microsoft.com/office/drawing/2014/main" id="{613A008C-4254-44C6-BEA8-E3035161DD52}"/>
              </a:ext>
            </a:extLst>
          </p:cNvPr>
          <p:cNvSpPr/>
          <p:nvPr/>
        </p:nvSpPr>
        <p:spPr>
          <a:xfrm>
            <a:off x="7548644" y="3211884"/>
            <a:ext cx="1333096" cy="39008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38088" tIns="76177" rIns="76177" bIns="0" rtlCol="0" anchor="b" anchorCtr="0"/>
          <a:lstStyle/>
          <a:p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Executive </a:t>
            </a:r>
            <a:b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</a:br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vice president</a:t>
            </a:r>
          </a:p>
          <a:p>
            <a:r>
              <a:rPr lang="en-GB" sz="1058" noProof="1">
                <a:solidFill>
                  <a:prstClr val="black"/>
                </a:solidFill>
                <a:latin typeface="Open Sans Light" panose="020B0306030504020204" pitchFamily="34" charset="0"/>
                <a:ea typeface="Open Sans Light" panose="020B0306030504020204" pitchFamily="34" charset="0"/>
                <a:cs typeface="Open Sans Light" panose="020B0306030504020204" pitchFamily="34" charset="0"/>
              </a:rPr>
              <a:t>Mikkel Agerbæk</a:t>
            </a:r>
          </a:p>
        </p:txBody>
      </p:sp>
      <p:sp>
        <p:nvSpPr>
          <p:cNvPr id="136" name="Rectangle 135">
            <a:extLst>
              <a:ext uri="{FF2B5EF4-FFF2-40B4-BE49-F238E27FC236}">
                <a16:creationId xmlns:a16="http://schemas.microsoft.com/office/drawing/2014/main" id="{0316F1C2-8410-4682-823F-2F641D842C34}"/>
              </a:ext>
            </a:extLst>
          </p:cNvPr>
          <p:cNvSpPr/>
          <p:nvPr/>
        </p:nvSpPr>
        <p:spPr>
          <a:xfrm>
            <a:off x="7568016" y="3643224"/>
            <a:ext cx="1327953" cy="45719"/>
          </a:xfrm>
          <a:prstGeom prst="rect">
            <a:avLst/>
          </a:prstGeom>
          <a:solidFill>
            <a:schemeClr val="bg2">
              <a:lumMod val="60000"/>
              <a:lumOff val="4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6177" tIns="76177" rIns="76177" bIns="0" rtlCol="0" anchor="b" anchorCtr="0"/>
          <a:lstStyle/>
          <a:p>
            <a:endParaRPr lang="en-GB" sz="2015" baseline="30000" noProof="1">
              <a:solidFill>
                <a:prstClr val="white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sp>
        <p:nvSpPr>
          <p:cNvPr id="137" name="Rectangle 136">
            <a:extLst>
              <a:ext uri="{FF2B5EF4-FFF2-40B4-BE49-F238E27FC236}">
                <a16:creationId xmlns:a16="http://schemas.microsoft.com/office/drawing/2014/main" id="{1F86DE25-1C57-4106-A5DF-340749FF2691}"/>
              </a:ext>
            </a:extLst>
          </p:cNvPr>
          <p:cNvSpPr/>
          <p:nvPr/>
        </p:nvSpPr>
        <p:spPr>
          <a:xfrm>
            <a:off x="8994057" y="3633186"/>
            <a:ext cx="1347989" cy="45719"/>
          </a:xfrm>
          <a:prstGeom prst="rect">
            <a:avLst/>
          </a:prstGeom>
          <a:solidFill>
            <a:schemeClr val="bg2">
              <a:lumMod val="60000"/>
              <a:lumOff val="4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6177" tIns="76177" rIns="76177" bIns="0" rtlCol="0" anchor="b" anchorCtr="0"/>
          <a:lstStyle/>
          <a:p>
            <a:endParaRPr lang="en-GB" sz="2015" baseline="30000" noProof="1">
              <a:solidFill>
                <a:prstClr val="white"/>
              </a:solidFill>
              <a:latin typeface="Open Sans Light" panose="020B0306030504020204" pitchFamily="34" charset="0"/>
              <a:ea typeface="Open Sans Light" panose="020B0306030504020204" pitchFamily="34" charset="0"/>
              <a:cs typeface="Open Sans Light" panose="020B0306030504020204" pitchFamily="34" charset="0"/>
            </a:endParaRPr>
          </a:p>
        </p:txBody>
      </p:sp>
      <p:pic>
        <p:nvPicPr>
          <p:cNvPr id="43" name="Picture 42" descr="A close up of a logo&#10;&#10;Description automatically generated">
            <a:extLst>
              <a:ext uri="{FF2B5EF4-FFF2-40B4-BE49-F238E27FC236}">
                <a16:creationId xmlns:a16="http://schemas.microsoft.com/office/drawing/2014/main" id="{F057369C-03B2-4160-A8A9-8531AE416864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218673" y="240333"/>
            <a:ext cx="1569723" cy="777242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8066735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60306280099937"/>
</p:tagLst>
</file>

<file path=ppt/theme/theme1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item1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documentContentValidatorConfiguration":{"enableDocumentContentValidator":false,"documentContentValidatorVersion":0},"elementsMetadata":[],"slideId":"637081979150360051","enableDocumentContentUpdater":true,"version":"1.3"}]]></TemplafySlideTemplateConfiguration>
</file>

<file path=customXml/itemProps1.xml><?xml version="1.0" encoding="utf-8"?>
<ds:datastoreItem xmlns:ds="http://schemas.openxmlformats.org/officeDocument/2006/customXml" ds:itemID="{4BEEDFB5-8214-4DD8-AE60-BB5E438B0D9F}">
  <ds:schemaRefs/>
</ds:datastoreItem>
</file>

<file path=customXml/itemProps2.xml><?xml version="1.0" encoding="utf-8"?>
<ds:datastoreItem xmlns:ds="http://schemas.openxmlformats.org/officeDocument/2006/customXml" ds:itemID="{D3807AF4-C419-4F83-A8C6-3BEB528BBAEF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32</TotalTime>
  <Words>229</Words>
  <Application>Microsoft Office PowerPoint</Application>
  <PresentationFormat>Widescreen</PresentationFormat>
  <Paragraphs>75</Paragraphs>
  <Slides>1</Slides>
  <Notes>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4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Open Sans Light</vt:lpstr>
      <vt:lpstr>Office-tema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æsentation</dc:title>
  <dc:creator>Torben Jensen</dc:creator>
  <cp:lastModifiedBy>Torben Jensen</cp:lastModifiedBy>
  <cp:revision>22</cp:revision>
  <dcterms:created xsi:type="dcterms:W3CDTF">2020-04-14T10:23:02Z</dcterms:created>
  <dcterms:modified xsi:type="dcterms:W3CDTF">2021-06-24T13:52:23Z</dcterms:modified>
</cp:coreProperties>
</file>